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EFF4CE19-F821-4CA2-BBCB-264FFE6ABF62}" xr6:coauthVersionLast="47" xr6:coauthVersionMax="47" xr10:uidLastSave="{00000000-0000-0000-0000-000000000000}"/>
  <bookViews>
    <workbookView xWindow="2850" yWindow="1710" windowWidth="15375" windowHeight="7875" xr2:uid="{D26D1524-7B65-46FA-A83A-2C8E50F569C1}"/>
  </bookViews>
  <sheets>
    <sheet name="別紙40" sheetId="2" r:id="rId1"/>
    <sheet name="Sheet1" sheetId="1" r:id="rId2"/>
  </sheets>
  <externalReferences>
    <externalReference r:id="rId3"/>
    <externalReference r:id="rId4"/>
    <externalReference r:id="rId5"/>
  </externalReferences>
  <definedNames>
    <definedName name="ｋ">#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U21" i="2" l="1"/>
  <c r="T21" i="2"/>
</calcChain>
</file>

<file path=xl/sharedStrings.xml><?xml version="1.0" encoding="utf-8"?>
<sst xmlns="http://schemas.openxmlformats.org/spreadsheetml/2006/main" count="94" uniqueCount="62">
  <si>
    <t>（別紙40）</t>
    <phoneticPr fontId="4"/>
  </si>
  <si>
    <t>令和</t>
    <rPh sb="0" eb="2">
      <t>レイワ</t>
    </rPh>
    <phoneticPr fontId="4"/>
  </si>
  <si>
    <t>年</t>
    <rPh sb="0" eb="1">
      <t>ネン</t>
    </rPh>
    <phoneticPr fontId="4"/>
  </si>
  <si>
    <t>月</t>
    <rPh sb="0" eb="1">
      <t>ガツ</t>
    </rPh>
    <phoneticPr fontId="4"/>
  </si>
  <si>
    <t>日</t>
    <rPh sb="0" eb="1">
      <t>ニチ</t>
    </rPh>
    <phoneticPr fontId="4"/>
  </si>
  <si>
    <t>認知症チームケア推進加算に係る届出書</t>
    <rPh sb="13" eb="14">
      <t>カカ</t>
    </rPh>
    <rPh sb="15" eb="18">
      <t>トドケデショ</t>
    </rPh>
    <phoneticPr fontId="4"/>
  </si>
  <si>
    <t>事 業 所 名</t>
    <phoneticPr fontId="4"/>
  </si>
  <si>
    <t>異動等区分</t>
    <phoneticPr fontId="4"/>
  </si>
  <si>
    <t>□</t>
  </si>
  <si>
    <t>１　新規</t>
    <phoneticPr fontId="4"/>
  </si>
  <si>
    <t>２　変更</t>
    <phoneticPr fontId="4"/>
  </si>
  <si>
    <t>３　終了</t>
    <phoneticPr fontId="4"/>
  </si>
  <si>
    <t>施 設 種 別</t>
    <rPh sb="0" eb="1">
      <t>セ</t>
    </rPh>
    <rPh sb="2" eb="3">
      <t>セツ</t>
    </rPh>
    <rPh sb="4" eb="5">
      <t>シュ</t>
    </rPh>
    <rPh sb="6" eb="7">
      <t>ベツ</t>
    </rPh>
    <phoneticPr fontId="4"/>
  </si>
  <si>
    <t>１（介護予防）認知症対応型共同生活介護</t>
    <phoneticPr fontId="4"/>
  </si>
  <si>
    <t>２　介護老人福祉施設</t>
    <phoneticPr fontId="4"/>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4"/>
  </si>
  <si>
    <t>４　介護老人保健施設</t>
    <phoneticPr fontId="4"/>
  </si>
  <si>
    <t>５　介護医療院</t>
    <phoneticPr fontId="4"/>
  </si>
  <si>
    <t>届 出 項 目</t>
    <phoneticPr fontId="4"/>
  </si>
  <si>
    <t>１　認知症チームケア推進加算（Ⅰ）　　　</t>
  </si>
  <si>
    <t>２　認知症チームケア推進加算（Ⅱ）</t>
  </si>
  <si>
    <t>有</t>
    <rPh sb="0" eb="1">
      <t>ア</t>
    </rPh>
    <phoneticPr fontId="4"/>
  </si>
  <si>
    <t>・</t>
    <phoneticPr fontId="4"/>
  </si>
  <si>
    <t>無</t>
    <rPh sb="0" eb="1">
      <t>ナ</t>
    </rPh>
    <phoneticPr fontId="4"/>
  </si>
  <si>
    <t>１．認知症チームケア推進加算（Ⅰ）に係る届出内容</t>
    <rPh sb="18" eb="19">
      <t>カカ</t>
    </rPh>
    <rPh sb="20" eb="21">
      <t>トド</t>
    </rPh>
    <rPh sb="21" eb="22">
      <t>デ</t>
    </rPh>
    <rPh sb="22" eb="24">
      <t>ナイヨウ</t>
    </rPh>
    <phoneticPr fontId="4"/>
  </si>
  <si>
    <t>(1)</t>
    <phoneticPr fontId="4"/>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4"/>
  </si>
  <si>
    <t>の割合が50％以上である</t>
  </si>
  <si>
    <t>①　利用者又は入所者の総数　注</t>
    <rPh sb="2" eb="5">
      <t>リヨウシャ</t>
    </rPh>
    <rPh sb="5" eb="6">
      <t>マタ</t>
    </rPh>
    <rPh sb="7" eb="10">
      <t>ニュウショシャ</t>
    </rPh>
    <rPh sb="11" eb="13">
      <t>ソウスウ</t>
    </rPh>
    <rPh sb="12" eb="13">
      <t>スウ</t>
    </rPh>
    <rPh sb="14" eb="15">
      <t>チュウ</t>
    </rPh>
    <phoneticPr fontId="4"/>
  </si>
  <si>
    <t>人</t>
    <rPh sb="0" eb="1">
      <t>ヒト</t>
    </rPh>
    <phoneticPr fontId="4"/>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4"/>
  </si>
  <si>
    <t>③　②÷①×100</t>
    <phoneticPr fontId="4"/>
  </si>
  <si>
    <t>％</t>
    <phoneticPr fontId="4"/>
  </si>
  <si>
    <t>注　届出日の属する月の前３月の各月末時点の利用者又は入所者の数</t>
    <rPh sb="24" eb="25">
      <t>マタ</t>
    </rPh>
    <rPh sb="26" eb="29">
      <t>ニュウショシャ</t>
    </rPh>
    <phoneticPr fontId="4"/>
  </si>
  <si>
    <t>の平均で算定。</t>
    <phoneticPr fontId="4"/>
  </si>
  <si>
    <t>(2)</t>
    <phoneticPr fontId="4"/>
  </si>
  <si>
    <t>認知症の行動・心理症状の予防等に資する認知症介護の指導に係る専門的な研修を修了</t>
    <phoneticPr fontId="4"/>
  </si>
  <si>
    <t>している者又は認知症介護に係る専門的な研修及び認知症の行動・心理症状の予防等に資する</t>
    <rPh sb="4" eb="5">
      <t>モノ</t>
    </rPh>
    <rPh sb="5" eb="6">
      <t>マタ</t>
    </rPh>
    <rPh sb="37" eb="38">
      <t>トウ</t>
    </rPh>
    <phoneticPr fontId="4"/>
  </si>
  <si>
    <t>ケアプログラムを含んだ研修を修了している者を必要数以上配置し、かつ、複数人の介護職員</t>
    <phoneticPr fontId="4"/>
  </si>
  <si>
    <t>からなる認知症の行動・心理症状に対応するチームを組んでいる</t>
    <phoneticPr fontId="4"/>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4"/>
  </si>
  <si>
    <t>専門的な研修を修了している者又は認知症介護に係る専門的な</t>
    <rPh sb="14" eb="15">
      <t>マタ</t>
    </rPh>
    <phoneticPr fontId="4"/>
  </si>
  <si>
    <t>研修及び認知症の行動・心理症状の予防に資するケアプログラムを</t>
    <phoneticPr fontId="4"/>
  </si>
  <si>
    <t>含んだ研修を修了している者の数</t>
    <phoneticPr fontId="4"/>
  </si>
  <si>
    <t>(3)</t>
    <phoneticPr fontId="4"/>
  </si>
  <si>
    <t>対象者に対し、個別に認知症の行動・心理症状の評価を計画的に行い、その評価に</t>
    <phoneticPr fontId="4"/>
  </si>
  <si>
    <t>基づく値を測定し、認知症の行動・心理症状の予防等に資するチームケアを実施している</t>
    <phoneticPr fontId="4"/>
  </si>
  <si>
    <t>(4）</t>
    <phoneticPr fontId="4"/>
  </si>
  <si>
    <t>認知症の行動・心理症状の予防等に資する認知症ケアについて、カンファレンスの開催、</t>
    <phoneticPr fontId="4"/>
  </si>
  <si>
    <t>計画の作成、認知症の行動・心理症状の有無及び程度についての定期的な評価、</t>
    <phoneticPr fontId="4"/>
  </si>
  <si>
    <t>ケアの振り返り、計画の見直し等を行っている</t>
    <phoneticPr fontId="4"/>
  </si>
  <si>
    <t>２．認知症チームケア推進加算（Ⅱ）に係る届出内容</t>
    <rPh sb="18" eb="19">
      <t>カカ</t>
    </rPh>
    <rPh sb="20" eb="21">
      <t>トド</t>
    </rPh>
    <rPh sb="21" eb="22">
      <t>デ</t>
    </rPh>
    <rPh sb="22" eb="24">
      <t>ナイヨウ</t>
    </rPh>
    <phoneticPr fontId="4"/>
  </si>
  <si>
    <t>認知症チームケア推進加算（Ⅰ）の（1）、（3）、（4）に該当している</t>
    <phoneticPr fontId="4"/>
  </si>
  <si>
    <t>※認知症チームケア推進加算（Ⅰ）に係る届出内容（1）、（3）、（4）も記入すること。</t>
    <rPh sb="17" eb="18">
      <t>カカ</t>
    </rPh>
    <rPh sb="19" eb="21">
      <t>トドケデ</t>
    </rPh>
    <rPh sb="21" eb="23">
      <t>ナイヨウ</t>
    </rPh>
    <rPh sb="35" eb="37">
      <t>キニュウ</t>
    </rPh>
    <phoneticPr fontId="4"/>
  </si>
  <si>
    <t>認知症の行動・心理症状の予防等に資する認知症介護に係る専門的な研修を修了している者</t>
    <phoneticPr fontId="4"/>
  </si>
  <si>
    <t>を必要数以上配置し、かつ、複数人の介護職員からなる認知症の行動・心理症状に対応する</t>
    <rPh sb="1" eb="4">
      <t>ヒツヨウスウ</t>
    </rPh>
    <rPh sb="4" eb="6">
      <t>イジョウ</t>
    </rPh>
    <rPh sb="6" eb="8">
      <t>ハイチ</t>
    </rPh>
    <rPh sb="37" eb="39">
      <t>タイオウ</t>
    </rPh>
    <phoneticPr fontId="4"/>
  </si>
  <si>
    <t>チームを組んでいる</t>
    <phoneticPr fontId="4"/>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4"/>
  </si>
  <si>
    <t>研修を修了している者の数</t>
    <phoneticPr fontId="4"/>
  </si>
  <si>
    <t>備考</t>
    <rPh sb="0" eb="2">
      <t>ビコウ</t>
    </rPh>
    <phoneticPr fontId="4"/>
  </si>
  <si>
    <t>　要件を満たすことが分かる根拠書類を準備し、指定権者からの求めがあった場合には、速やかに提出</t>
    <phoneticPr fontId="4"/>
  </si>
  <si>
    <t>するこ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sz val="9"/>
      <name val="HGSｺﾞｼｯｸM"/>
      <family val="3"/>
      <charset val="128"/>
    </font>
    <font>
      <sz val="11"/>
      <color theme="1"/>
      <name val="HGSｺﾞｼｯｸM"/>
      <family val="3"/>
      <charset val="128"/>
    </font>
    <font>
      <sz val="11"/>
      <color rgb="FFFF0000"/>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60">
    <xf numFmtId="0" fontId="0" fillId="0" borderId="0" xfId="0">
      <alignment vertical="center"/>
    </xf>
    <xf numFmtId="0" fontId="2" fillId="0" borderId="0" xfId="1" applyFont="1" applyAlignment="1">
      <alignment horizontal="left" vertical="center"/>
    </xf>
    <xf numFmtId="0" fontId="2" fillId="0" borderId="0" xfId="1" applyFont="1" applyAlignment="1">
      <alignmen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xf>
    <xf numFmtId="0" fontId="2" fillId="0" borderId="0" xfId="1" applyFont="1" applyAlignment="1">
      <alignment vertical="top"/>
    </xf>
    <xf numFmtId="0" fontId="2" fillId="0" borderId="1" xfId="1" applyFont="1" applyBorder="1" applyAlignment="1">
      <alignment horizontal="centerContinuous"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5" fillId="0" borderId="0" xfId="1" applyFont="1" applyAlignment="1">
      <alignment vertical="center"/>
    </xf>
    <xf numFmtId="0" fontId="2" fillId="0" borderId="6" xfId="1" applyFont="1" applyBorder="1" applyAlignment="1">
      <alignment horizontal="left" vertical="center"/>
    </xf>
    <xf numFmtId="0" fontId="2" fillId="0" borderId="6" xfId="1" applyFont="1" applyBorder="1" applyAlignment="1">
      <alignment horizontal="center" vertical="center"/>
    </xf>
    <xf numFmtId="0" fontId="2" fillId="0" borderId="6" xfId="1" applyFont="1" applyBorder="1" applyAlignment="1">
      <alignment vertical="center"/>
    </xf>
    <xf numFmtId="0" fontId="2" fillId="0" borderId="7"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9" xfId="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3" xfId="1" applyFont="1" applyBorder="1" applyAlignment="1">
      <alignment vertical="center" wrapText="1" shrinkToFit="1"/>
    </xf>
    <xf numFmtId="0" fontId="2" fillId="0" borderId="2" xfId="1" applyFont="1" applyBorder="1" applyAlignment="1">
      <alignment horizontal="left" vertical="center"/>
    </xf>
    <xf numFmtId="0" fontId="2" fillId="0" borderId="5" xfId="1" applyFont="1" applyBorder="1" applyAlignment="1">
      <alignment horizontal="left" vertical="center"/>
    </xf>
    <xf numFmtId="0" fontId="2" fillId="0" borderId="7" xfId="1" applyFont="1" applyBorder="1" applyAlignment="1">
      <alignment vertical="center"/>
    </xf>
    <xf numFmtId="0" fontId="2" fillId="0" borderId="5" xfId="1" applyFont="1" applyBorder="1" applyAlignment="1">
      <alignment horizontal="center" vertical="center"/>
    </xf>
    <xf numFmtId="0" fontId="2" fillId="0" borderId="8" xfId="1" applyFont="1" applyBorder="1" applyAlignment="1">
      <alignment horizontal="left" vertical="center"/>
    </xf>
    <xf numFmtId="49" fontId="2" fillId="0" borderId="0" xfId="1" applyNumberFormat="1" applyFont="1" applyAlignment="1">
      <alignment horizontal="left" vertical="center"/>
    </xf>
    <xf numFmtId="0" fontId="5" fillId="0" borderId="9" xfId="1" applyFont="1" applyBorder="1" applyAlignment="1">
      <alignment vertical="center"/>
    </xf>
    <xf numFmtId="0" fontId="5" fillId="0" borderId="8" xfId="1" applyFont="1" applyBorder="1" applyAlignment="1">
      <alignment horizontal="center" vertical="center"/>
    </xf>
    <xf numFmtId="0" fontId="2" fillId="0" borderId="9" xfId="1" applyFont="1" applyBorder="1" applyAlignment="1">
      <alignment vertical="center"/>
    </xf>
    <xf numFmtId="0" fontId="2" fillId="0" borderId="8" xfId="1" applyFont="1" applyBorder="1" applyAlignment="1">
      <alignment horizontal="center" vertical="center"/>
    </xf>
    <xf numFmtId="0" fontId="2" fillId="0" borderId="2" xfId="1" applyFont="1" applyBorder="1" applyAlignment="1">
      <alignment vertical="center"/>
    </xf>
    <xf numFmtId="1" fontId="2" fillId="0" borderId="3" xfId="1" applyNumberFormat="1" applyFont="1" applyBorder="1" applyAlignment="1">
      <alignment vertical="center"/>
    </xf>
    <xf numFmtId="1" fontId="2" fillId="0" borderId="2" xfId="1" applyNumberFormat="1" applyFont="1" applyBorder="1" applyAlignment="1">
      <alignment horizontal="center" vertical="center"/>
    </xf>
    <xf numFmtId="1" fontId="2" fillId="0" borderId="3" xfId="1" applyNumberFormat="1" applyFont="1" applyBorder="1" applyAlignment="1">
      <alignment horizontal="center" vertical="center"/>
    </xf>
    <xf numFmtId="0" fontId="2" fillId="0" borderId="9" xfId="1" applyFont="1" applyBorder="1" applyAlignment="1">
      <alignment horizontal="center" vertical="center"/>
    </xf>
    <xf numFmtId="0" fontId="2" fillId="0" borderId="5" xfId="1" applyFont="1" applyBorder="1" applyAlignment="1">
      <alignment vertical="center"/>
    </xf>
    <xf numFmtId="0" fontId="7" fillId="0" borderId="8" xfId="1" applyFont="1" applyBorder="1" applyAlignment="1">
      <alignment vertical="center"/>
    </xf>
    <xf numFmtId="0" fontId="7" fillId="0" borderId="10" xfId="1" applyFont="1" applyBorder="1" applyAlignment="1">
      <alignment vertical="center"/>
    </xf>
    <xf numFmtId="0" fontId="2" fillId="0" borderId="11" xfId="1" applyFont="1" applyBorder="1" applyAlignment="1">
      <alignmen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0" xfId="1" applyFont="1" applyAlignment="1">
      <alignment vertical="center" wrapText="1"/>
    </xf>
    <xf numFmtId="0" fontId="2" fillId="0" borderId="0" xfId="1" applyFont="1" applyAlignment="1">
      <alignment horizontal="left" vertical="center" wrapText="1"/>
    </xf>
    <xf numFmtId="0" fontId="7" fillId="0" borderId="0" xfId="1" applyFont="1" applyAlignment="1">
      <alignment horizontal="left" vertical="center"/>
    </xf>
    <xf numFmtId="0" fontId="2" fillId="0" borderId="10" xfId="1" applyFont="1" applyBorder="1" applyAlignment="1">
      <alignment horizontal="left" vertical="center"/>
    </xf>
    <xf numFmtId="49" fontId="2" fillId="0" borderId="11" xfId="1" applyNumberFormat="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8" fillId="0" borderId="0" xfId="1" applyFont="1" applyAlignment="1">
      <alignment horizontal="left" vertical="center"/>
    </xf>
  </cellXfs>
  <cellStyles count="2">
    <cellStyle name="標準" xfId="0" builtinId="0"/>
    <cellStyle name="標準 2" xfId="1" xr:uid="{31190CD3-4217-483C-B1BF-98C44BFFF37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F989EF-B144-4087-9ADD-AB8A25D86913}">
  <dimension ref="B2:AI69"/>
  <sheetViews>
    <sheetView tabSelected="1" zoomScaleNormal="100" workbookViewId="0">
      <selection activeCell="F61" sqref="F61"/>
    </sheetView>
  </sheetViews>
  <sheetFormatPr defaultColWidth="4" defaultRowHeight="13.5" x14ac:dyDescent="0.4"/>
  <cols>
    <col min="1" max="1" width="2.875" style="1" customWidth="1"/>
    <col min="2" max="2" width="2.375" style="1" customWidth="1"/>
    <col min="3" max="3" width="3.5" style="1" customWidth="1"/>
    <col min="4" max="15" width="3.625" style="1" customWidth="1"/>
    <col min="16" max="16" width="1.5" style="1" customWidth="1"/>
    <col min="17" max="18" width="3.625" style="1" customWidth="1"/>
    <col min="19" max="19" width="2.75" style="1" customWidth="1"/>
    <col min="20" max="25" width="3.625" style="1" customWidth="1"/>
    <col min="26" max="26" width="9.5" style="1" customWidth="1"/>
    <col min="27" max="30" width="3.625" style="1" customWidth="1"/>
    <col min="31" max="31" width="6.625" style="1" customWidth="1"/>
    <col min="32" max="16384" width="4" style="1"/>
  </cols>
  <sheetData>
    <row r="2" spans="2:31" x14ac:dyDescent="0.4">
      <c r="B2" s="1" t="s">
        <v>0</v>
      </c>
    </row>
    <row r="3" spans="2:31" x14ac:dyDescent="0.4">
      <c r="U3" s="2"/>
      <c r="X3" s="3" t="s">
        <v>1</v>
      </c>
      <c r="Y3" s="4"/>
      <c r="Z3" s="4"/>
      <c r="AA3" s="3" t="s">
        <v>2</v>
      </c>
      <c r="AB3" s="5"/>
      <c r="AC3" s="3" t="s">
        <v>3</v>
      </c>
      <c r="AD3" s="5"/>
      <c r="AE3" s="3" t="s">
        <v>4</v>
      </c>
    </row>
    <row r="4" spans="2:31" x14ac:dyDescent="0.4">
      <c r="T4" s="6"/>
      <c r="U4" s="6"/>
      <c r="V4" s="6"/>
    </row>
    <row r="5" spans="2:31" x14ac:dyDescent="0.4">
      <c r="B5" s="4" t="s">
        <v>5</v>
      </c>
      <c r="C5" s="4"/>
      <c r="D5" s="4"/>
      <c r="E5" s="4"/>
      <c r="F5" s="4"/>
      <c r="G5" s="4"/>
      <c r="H5" s="4"/>
      <c r="I5" s="4"/>
      <c r="J5" s="4"/>
      <c r="K5" s="4"/>
      <c r="L5" s="4"/>
      <c r="M5" s="4"/>
      <c r="N5" s="4"/>
      <c r="O5" s="4"/>
      <c r="P5" s="4"/>
      <c r="Q5" s="4"/>
      <c r="R5" s="4"/>
      <c r="S5" s="4"/>
      <c r="T5" s="4"/>
      <c r="U5" s="4"/>
      <c r="V5" s="4"/>
      <c r="W5" s="4"/>
      <c r="X5" s="4"/>
      <c r="Y5" s="4"/>
      <c r="Z5" s="4"/>
      <c r="AA5" s="4"/>
      <c r="AB5" s="4"/>
      <c r="AC5" s="4"/>
      <c r="AD5" s="4"/>
      <c r="AE5" s="4"/>
    </row>
    <row r="7" spans="2:31" ht="23.25" customHeight="1" x14ac:dyDescent="0.4">
      <c r="B7" s="7" t="s">
        <v>6</v>
      </c>
      <c r="C7" s="7"/>
      <c r="D7" s="7"/>
      <c r="E7" s="7"/>
      <c r="F7" s="8"/>
      <c r="G7" s="9"/>
      <c r="H7" s="9"/>
      <c r="I7" s="9"/>
      <c r="J7" s="9"/>
      <c r="K7" s="9"/>
      <c r="L7" s="9"/>
      <c r="M7" s="9"/>
      <c r="N7" s="9"/>
      <c r="O7" s="9"/>
      <c r="P7" s="9"/>
      <c r="Q7" s="9"/>
      <c r="R7" s="9"/>
      <c r="S7" s="9"/>
      <c r="T7" s="9"/>
      <c r="U7" s="9"/>
      <c r="V7" s="9"/>
      <c r="W7" s="9"/>
      <c r="X7" s="9"/>
      <c r="Y7" s="9"/>
      <c r="Z7" s="9"/>
      <c r="AA7" s="9"/>
      <c r="AB7" s="9"/>
      <c r="AC7" s="9"/>
      <c r="AD7" s="9"/>
      <c r="AE7" s="10"/>
    </row>
    <row r="8" spans="2:31" ht="23.25" customHeight="1" x14ac:dyDescent="0.4">
      <c r="B8" s="7" t="s">
        <v>7</v>
      </c>
      <c r="C8" s="7"/>
      <c r="D8" s="7"/>
      <c r="E8" s="7"/>
      <c r="F8" s="11" t="s">
        <v>8</v>
      </c>
      <c r="G8" s="12" t="s">
        <v>9</v>
      </c>
      <c r="H8" s="12"/>
      <c r="I8" s="12"/>
      <c r="J8" s="12"/>
      <c r="K8" s="13" t="s">
        <v>8</v>
      </c>
      <c r="L8" s="12" t="s">
        <v>10</v>
      </c>
      <c r="M8" s="12"/>
      <c r="N8" s="12"/>
      <c r="O8" s="12"/>
      <c r="P8" s="12"/>
      <c r="Q8" s="13" t="s">
        <v>8</v>
      </c>
      <c r="R8" s="12" t="s">
        <v>11</v>
      </c>
      <c r="S8" s="12"/>
      <c r="T8" s="12"/>
      <c r="U8" s="12"/>
      <c r="V8" s="12"/>
      <c r="W8" s="12"/>
      <c r="X8" s="12"/>
      <c r="Y8" s="12"/>
      <c r="Z8" s="12"/>
      <c r="AA8" s="12"/>
      <c r="AB8" s="12"/>
      <c r="AC8" s="12"/>
      <c r="AD8" s="14"/>
      <c r="AE8" s="15"/>
    </row>
    <row r="9" spans="2:31" ht="24.95" customHeight="1" x14ac:dyDescent="0.4">
      <c r="B9" s="16" t="s">
        <v>12</v>
      </c>
      <c r="C9" s="17"/>
      <c r="D9" s="17"/>
      <c r="E9" s="18"/>
      <c r="F9" s="5" t="s">
        <v>8</v>
      </c>
      <c r="G9" s="19" t="s">
        <v>13</v>
      </c>
      <c r="H9" s="2"/>
      <c r="I9" s="2"/>
      <c r="J9" s="2"/>
      <c r="K9" s="2"/>
      <c r="L9" s="2"/>
      <c r="M9" s="2"/>
      <c r="N9" s="2"/>
      <c r="O9" s="2"/>
      <c r="Q9" s="20"/>
      <c r="R9" s="21" t="s">
        <v>8</v>
      </c>
      <c r="S9" s="2" t="s">
        <v>14</v>
      </c>
      <c r="T9" s="2"/>
      <c r="U9" s="2"/>
      <c r="V9" s="2"/>
      <c r="W9" s="22"/>
      <c r="X9" s="22"/>
      <c r="Y9" s="22"/>
      <c r="Z9" s="22"/>
      <c r="AA9" s="22"/>
      <c r="AB9" s="22"/>
      <c r="AC9" s="22"/>
      <c r="AD9" s="20"/>
      <c r="AE9" s="23"/>
    </row>
    <row r="10" spans="2:31" ht="24.95" customHeight="1" x14ac:dyDescent="0.4">
      <c r="B10" s="24"/>
      <c r="C10" s="4"/>
      <c r="D10" s="4"/>
      <c r="E10" s="25"/>
      <c r="F10" s="5" t="s">
        <v>8</v>
      </c>
      <c r="G10" s="19" t="s">
        <v>15</v>
      </c>
      <c r="H10" s="2"/>
      <c r="I10" s="2"/>
      <c r="J10" s="2"/>
      <c r="K10" s="2"/>
      <c r="L10" s="2"/>
      <c r="M10" s="2"/>
      <c r="N10" s="2"/>
      <c r="O10" s="2"/>
      <c r="R10" s="5" t="s">
        <v>8</v>
      </c>
      <c r="S10" s="2" t="s">
        <v>16</v>
      </c>
      <c r="T10" s="2"/>
      <c r="U10" s="2"/>
      <c r="V10" s="2"/>
      <c r="W10" s="2"/>
      <c r="X10" s="2"/>
      <c r="Y10" s="2"/>
      <c r="Z10" s="2"/>
      <c r="AA10" s="2"/>
      <c r="AB10" s="2"/>
      <c r="AC10" s="2"/>
      <c r="AE10" s="26"/>
    </row>
    <row r="11" spans="2:31" ht="24.95" customHeight="1" x14ac:dyDescent="0.4">
      <c r="B11" s="27"/>
      <c r="C11" s="28"/>
      <c r="D11" s="28"/>
      <c r="E11" s="29"/>
      <c r="F11" s="5" t="s">
        <v>8</v>
      </c>
      <c r="G11" s="2" t="s">
        <v>17</v>
      </c>
      <c r="H11" s="2"/>
      <c r="I11" s="2"/>
      <c r="J11" s="2"/>
      <c r="K11" s="2"/>
      <c r="L11" s="2"/>
      <c r="M11" s="2"/>
      <c r="N11" s="2"/>
      <c r="O11" s="2"/>
      <c r="R11" s="5"/>
      <c r="S11" s="2"/>
      <c r="T11" s="2"/>
      <c r="U11" s="2"/>
      <c r="V11" s="2"/>
      <c r="W11" s="2"/>
      <c r="X11" s="2"/>
      <c r="Y11" s="2"/>
      <c r="Z11" s="2"/>
      <c r="AA11" s="2"/>
      <c r="AB11" s="2"/>
      <c r="AC11" s="2"/>
      <c r="AE11" s="26"/>
    </row>
    <row r="12" spans="2:31" ht="30.75" customHeight="1" x14ac:dyDescent="0.4">
      <c r="B12" s="7" t="s">
        <v>18</v>
      </c>
      <c r="C12" s="7"/>
      <c r="D12" s="7"/>
      <c r="E12" s="7"/>
      <c r="F12" s="11" t="s">
        <v>8</v>
      </c>
      <c r="G12" s="12" t="s">
        <v>19</v>
      </c>
      <c r="H12" s="30"/>
      <c r="I12" s="30"/>
      <c r="J12" s="30"/>
      <c r="K12" s="30"/>
      <c r="L12" s="30"/>
      <c r="M12" s="30"/>
      <c r="N12" s="30"/>
      <c r="O12" s="30"/>
      <c r="P12" s="30"/>
      <c r="Q12" s="14"/>
      <c r="R12" s="13" t="s">
        <v>8</v>
      </c>
      <c r="S12" s="12" t="s">
        <v>20</v>
      </c>
      <c r="T12" s="30"/>
      <c r="U12" s="30"/>
      <c r="V12" s="30"/>
      <c r="W12" s="30"/>
      <c r="X12" s="30"/>
      <c r="Y12" s="30"/>
      <c r="Z12" s="30"/>
      <c r="AA12" s="30"/>
      <c r="AB12" s="30"/>
      <c r="AC12" s="30"/>
      <c r="AD12" s="14"/>
      <c r="AE12" s="15"/>
    </row>
    <row r="14" spans="2:31" x14ac:dyDescent="0.4">
      <c r="B14" s="31"/>
      <c r="C14" s="14"/>
      <c r="D14" s="14"/>
      <c r="E14" s="14"/>
      <c r="F14" s="14"/>
      <c r="G14" s="14"/>
      <c r="H14" s="14"/>
      <c r="I14" s="14"/>
      <c r="J14" s="14"/>
      <c r="K14" s="14"/>
      <c r="L14" s="14"/>
      <c r="M14" s="14"/>
      <c r="N14" s="14"/>
      <c r="O14" s="14"/>
      <c r="P14" s="14"/>
      <c r="Q14" s="14"/>
      <c r="R14" s="14"/>
      <c r="S14" s="14"/>
      <c r="T14" s="14"/>
      <c r="U14" s="14"/>
      <c r="V14" s="14"/>
      <c r="W14" s="14"/>
      <c r="X14" s="14"/>
      <c r="Y14" s="14"/>
      <c r="Z14" s="15"/>
      <c r="AA14" s="11"/>
      <c r="AB14" s="13" t="s">
        <v>21</v>
      </c>
      <c r="AC14" s="13" t="s">
        <v>22</v>
      </c>
      <c r="AD14" s="13" t="s">
        <v>23</v>
      </c>
      <c r="AE14" s="15"/>
    </row>
    <row r="15" spans="2:31" x14ac:dyDescent="0.4">
      <c r="B15" s="32" t="s">
        <v>24</v>
      </c>
      <c r="C15" s="20"/>
      <c r="D15" s="20"/>
      <c r="E15" s="20"/>
      <c r="F15" s="20"/>
      <c r="G15" s="20"/>
      <c r="H15" s="20"/>
      <c r="I15" s="20"/>
      <c r="J15" s="20"/>
      <c r="K15" s="20"/>
      <c r="L15" s="20"/>
      <c r="M15" s="20"/>
      <c r="N15" s="20"/>
      <c r="O15" s="20"/>
      <c r="P15" s="20"/>
      <c r="Q15" s="20"/>
      <c r="R15" s="20"/>
      <c r="S15" s="20"/>
      <c r="T15" s="20"/>
      <c r="U15" s="20"/>
      <c r="V15" s="20"/>
      <c r="W15" s="20"/>
      <c r="X15" s="20"/>
      <c r="Y15" s="20"/>
      <c r="Z15" s="33"/>
      <c r="AA15" s="34"/>
      <c r="AB15" s="21"/>
      <c r="AC15" s="21"/>
      <c r="AD15" s="20"/>
      <c r="AE15" s="23"/>
    </row>
    <row r="16" spans="2:31" x14ac:dyDescent="0.4">
      <c r="B16" s="35"/>
      <c r="C16" s="36" t="s">
        <v>25</v>
      </c>
      <c r="D16" s="1" t="s">
        <v>26</v>
      </c>
      <c r="Z16" s="37"/>
      <c r="AA16" s="38"/>
      <c r="AB16" s="5" t="s">
        <v>8</v>
      </c>
      <c r="AC16" s="5" t="s">
        <v>22</v>
      </c>
      <c r="AD16" s="5" t="s">
        <v>8</v>
      </c>
      <c r="AE16" s="26"/>
    </row>
    <row r="17" spans="2:31" x14ac:dyDescent="0.4">
      <c r="B17" s="35"/>
      <c r="D17" s="1" t="s">
        <v>27</v>
      </c>
      <c r="Z17" s="39"/>
      <c r="AA17" s="40"/>
      <c r="AB17" s="5"/>
      <c r="AC17" s="5"/>
      <c r="AE17" s="26"/>
    </row>
    <row r="18" spans="2:31" ht="6" customHeight="1" x14ac:dyDescent="0.4">
      <c r="B18" s="35"/>
      <c r="Z18" s="39"/>
      <c r="AA18" s="40"/>
      <c r="AB18" s="5"/>
      <c r="AC18" s="5"/>
      <c r="AE18" s="26"/>
    </row>
    <row r="19" spans="2:31" x14ac:dyDescent="0.4">
      <c r="B19" s="35"/>
      <c r="D19" s="41" t="s">
        <v>28</v>
      </c>
      <c r="E19" s="12"/>
      <c r="F19" s="12"/>
      <c r="G19" s="12"/>
      <c r="H19" s="12"/>
      <c r="I19" s="12"/>
      <c r="J19" s="12"/>
      <c r="K19" s="12"/>
      <c r="L19" s="12"/>
      <c r="M19" s="12"/>
      <c r="N19" s="12"/>
      <c r="O19" s="14"/>
      <c r="P19" s="14"/>
      <c r="Q19" s="14"/>
      <c r="R19" s="14"/>
      <c r="S19" s="12"/>
      <c r="T19" s="12"/>
      <c r="U19" s="8"/>
      <c r="V19" s="9"/>
      <c r="W19" s="9"/>
      <c r="X19" s="14" t="s">
        <v>29</v>
      </c>
      <c r="Y19" s="35"/>
      <c r="Z19" s="39"/>
      <c r="AA19" s="40"/>
      <c r="AB19" s="5"/>
      <c r="AC19" s="5"/>
      <c r="AE19" s="26"/>
    </row>
    <row r="20" spans="2:31" x14ac:dyDescent="0.4">
      <c r="B20" s="35"/>
      <c r="D20" s="41" t="s">
        <v>30</v>
      </c>
      <c r="E20" s="12"/>
      <c r="F20" s="12"/>
      <c r="G20" s="12"/>
      <c r="H20" s="12"/>
      <c r="I20" s="12"/>
      <c r="J20" s="12"/>
      <c r="K20" s="12"/>
      <c r="L20" s="12"/>
      <c r="M20" s="12"/>
      <c r="N20" s="12"/>
      <c r="O20" s="14"/>
      <c r="P20" s="14"/>
      <c r="Q20" s="14"/>
      <c r="R20" s="14"/>
      <c r="S20" s="12"/>
      <c r="T20" s="12"/>
      <c r="U20" s="8"/>
      <c r="V20" s="9"/>
      <c r="W20" s="9"/>
      <c r="X20" s="14" t="s">
        <v>29</v>
      </c>
      <c r="Y20" s="35"/>
      <c r="Z20" s="26"/>
      <c r="AA20" s="40"/>
      <c r="AB20" s="5"/>
      <c r="AC20" s="5"/>
      <c r="AE20" s="26"/>
    </row>
    <row r="21" spans="2:31" x14ac:dyDescent="0.4">
      <c r="B21" s="35"/>
      <c r="D21" s="41" t="s">
        <v>31</v>
      </c>
      <c r="E21" s="12"/>
      <c r="F21" s="12"/>
      <c r="G21" s="12"/>
      <c r="H21" s="12"/>
      <c r="I21" s="12"/>
      <c r="J21" s="12"/>
      <c r="K21" s="12"/>
      <c r="L21" s="12"/>
      <c r="M21" s="12"/>
      <c r="N21" s="12"/>
      <c r="O21" s="14"/>
      <c r="P21" s="14"/>
      <c r="Q21" s="14"/>
      <c r="R21" s="14"/>
      <c r="S21" s="12"/>
      <c r="T21" s="42" t="str">
        <f>(IFERROR(ROUNDDOWN(T20/T19*100,0),""))</f>
        <v/>
      </c>
      <c r="U21" s="43" t="str">
        <f>(IFERROR(ROUNDDOWN(U20/U19*100,0),""))</f>
        <v/>
      </c>
      <c r="V21" s="44"/>
      <c r="W21" s="44"/>
      <c r="X21" s="14" t="s">
        <v>32</v>
      </c>
      <c r="Y21" s="35"/>
      <c r="Z21" s="45"/>
      <c r="AA21" s="40"/>
      <c r="AB21" s="5"/>
      <c r="AC21" s="5"/>
      <c r="AE21" s="26"/>
    </row>
    <row r="22" spans="2:31" x14ac:dyDescent="0.4">
      <c r="B22" s="35"/>
      <c r="D22" s="1" t="s">
        <v>33</v>
      </c>
      <c r="Z22" s="45"/>
      <c r="AA22" s="40"/>
      <c r="AB22" s="5"/>
      <c r="AC22" s="5"/>
      <c r="AE22" s="26"/>
    </row>
    <row r="23" spans="2:31" x14ac:dyDescent="0.4">
      <c r="B23" s="35"/>
      <c r="E23" s="1" t="s">
        <v>34</v>
      </c>
      <c r="Z23" s="45"/>
      <c r="AA23" s="40"/>
      <c r="AB23" s="5"/>
      <c r="AC23" s="5"/>
      <c r="AE23" s="26"/>
    </row>
    <row r="24" spans="2:31" x14ac:dyDescent="0.4">
      <c r="B24" s="35"/>
      <c r="Z24" s="45"/>
      <c r="AA24" s="40"/>
      <c r="AB24" s="5"/>
      <c r="AC24" s="5"/>
      <c r="AE24" s="26"/>
    </row>
    <row r="25" spans="2:31" x14ac:dyDescent="0.4">
      <c r="B25" s="35"/>
      <c r="C25" s="36" t="s">
        <v>35</v>
      </c>
      <c r="D25" s="1" t="s">
        <v>36</v>
      </c>
      <c r="Z25" s="37"/>
      <c r="AA25" s="40"/>
      <c r="AB25" s="5" t="s">
        <v>8</v>
      </c>
      <c r="AC25" s="5" t="s">
        <v>22</v>
      </c>
      <c r="AD25" s="5" t="s">
        <v>8</v>
      </c>
      <c r="AE25" s="26"/>
    </row>
    <row r="26" spans="2:31" x14ac:dyDescent="0.4">
      <c r="B26" s="35"/>
      <c r="C26" s="36"/>
      <c r="D26" s="1" t="s">
        <v>37</v>
      </c>
      <c r="Z26" s="37"/>
      <c r="AA26" s="40"/>
      <c r="AB26" s="5"/>
      <c r="AC26" s="5"/>
      <c r="AD26" s="5"/>
      <c r="AE26" s="26"/>
    </row>
    <row r="27" spans="2:31" x14ac:dyDescent="0.4">
      <c r="B27" s="35"/>
      <c r="C27" s="36"/>
      <c r="D27" s="1" t="s">
        <v>38</v>
      </c>
      <c r="Z27" s="37"/>
      <c r="AA27" s="40"/>
      <c r="AB27" s="5"/>
      <c r="AC27" s="5"/>
      <c r="AD27" s="5"/>
      <c r="AE27" s="26"/>
    </row>
    <row r="28" spans="2:31" x14ac:dyDescent="0.4">
      <c r="B28" s="35"/>
      <c r="C28" s="36"/>
      <c r="D28" s="1" t="s">
        <v>39</v>
      </c>
      <c r="Z28" s="37"/>
      <c r="AA28" s="40"/>
      <c r="AB28" s="5"/>
      <c r="AC28" s="5"/>
      <c r="AD28" s="5"/>
      <c r="AE28" s="26"/>
    </row>
    <row r="29" spans="2:31" ht="6" customHeight="1" x14ac:dyDescent="0.4">
      <c r="B29" s="35"/>
      <c r="Z29" s="45"/>
      <c r="AA29" s="40"/>
      <c r="AB29" s="5"/>
      <c r="AC29" s="5"/>
      <c r="AE29" s="26"/>
    </row>
    <row r="30" spans="2:31" x14ac:dyDescent="0.4">
      <c r="B30" s="35"/>
      <c r="C30" s="36"/>
      <c r="D30" s="46" t="s">
        <v>40</v>
      </c>
      <c r="E30" s="22"/>
      <c r="F30" s="22"/>
      <c r="G30" s="22"/>
      <c r="H30" s="22"/>
      <c r="I30" s="22"/>
      <c r="J30" s="22"/>
      <c r="K30" s="22"/>
      <c r="L30" s="22"/>
      <c r="M30" s="22"/>
      <c r="N30" s="22"/>
      <c r="O30" s="20"/>
      <c r="P30" s="20"/>
      <c r="Q30" s="20"/>
      <c r="R30" s="20"/>
      <c r="S30" s="20"/>
      <c r="T30" s="23"/>
      <c r="U30" s="16"/>
      <c r="V30" s="17"/>
      <c r="W30" s="17"/>
      <c r="X30" s="18" t="s">
        <v>29</v>
      </c>
      <c r="Z30" s="45"/>
      <c r="AA30" s="40"/>
      <c r="AB30" s="5"/>
      <c r="AC30" s="5"/>
      <c r="AE30" s="26"/>
    </row>
    <row r="31" spans="2:31" x14ac:dyDescent="0.4">
      <c r="B31" s="35"/>
      <c r="C31" s="36"/>
      <c r="D31" s="47" t="s">
        <v>41</v>
      </c>
      <c r="E31" s="2"/>
      <c r="F31" s="2"/>
      <c r="G31" s="2"/>
      <c r="H31" s="2"/>
      <c r="I31" s="2"/>
      <c r="J31" s="2"/>
      <c r="K31" s="2"/>
      <c r="L31" s="2"/>
      <c r="M31" s="2"/>
      <c r="N31" s="2"/>
      <c r="T31" s="26"/>
      <c r="U31" s="24"/>
      <c r="V31" s="4"/>
      <c r="W31" s="4"/>
      <c r="X31" s="25"/>
      <c r="Z31" s="45"/>
      <c r="AA31" s="40"/>
      <c r="AB31" s="5"/>
      <c r="AC31" s="5"/>
      <c r="AE31" s="26"/>
    </row>
    <row r="32" spans="2:31" x14ac:dyDescent="0.4">
      <c r="B32" s="35"/>
      <c r="C32" s="36"/>
      <c r="D32" s="47" t="s">
        <v>42</v>
      </c>
      <c r="E32" s="2"/>
      <c r="F32" s="2"/>
      <c r="G32" s="2"/>
      <c r="H32" s="2"/>
      <c r="I32" s="2"/>
      <c r="J32" s="2"/>
      <c r="K32" s="2"/>
      <c r="L32" s="2"/>
      <c r="M32" s="2"/>
      <c r="N32" s="2"/>
      <c r="T32" s="26"/>
      <c r="U32" s="24"/>
      <c r="V32" s="4"/>
      <c r="W32" s="4"/>
      <c r="X32" s="25"/>
      <c r="Z32" s="45"/>
      <c r="AA32" s="40"/>
      <c r="AB32" s="5"/>
      <c r="AC32" s="5"/>
      <c r="AE32" s="26"/>
    </row>
    <row r="33" spans="2:35" x14ac:dyDescent="0.4">
      <c r="B33" s="35"/>
      <c r="C33" s="36"/>
      <c r="D33" s="48" t="s">
        <v>43</v>
      </c>
      <c r="E33" s="49"/>
      <c r="F33" s="49"/>
      <c r="G33" s="49"/>
      <c r="H33" s="49"/>
      <c r="I33" s="49"/>
      <c r="J33" s="49"/>
      <c r="K33" s="49"/>
      <c r="L33" s="49"/>
      <c r="M33" s="49"/>
      <c r="N33" s="49"/>
      <c r="O33" s="50"/>
      <c r="P33" s="50"/>
      <c r="Q33" s="50"/>
      <c r="R33" s="50"/>
      <c r="S33" s="50"/>
      <c r="T33" s="51"/>
      <c r="U33" s="27"/>
      <c r="V33" s="28"/>
      <c r="W33" s="28"/>
      <c r="X33" s="29"/>
      <c r="Z33" s="45"/>
      <c r="AA33" s="40"/>
      <c r="AB33" s="5"/>
      <c r="AC33" s="5"/>
      <c r="AE33" s="26"/>
    </row>
    <row r="34" spans="2:35" ht="4.5" customHeight="1" x14ac:dyDescent="0.4">
      <c r="B34" s="35"/>
      <c r="C34" s="36"/>
      <c r="D34" s="2"/>
      <c r="E34" s="2"/>
      <c r="F34" s="2"/>
      <c r="G34" s="2"/>
      <c r="H34" s="2"/>
      <c r="I34" s="2"/>
      <c r="J34" s="2"/>
      <c r="K34" s="2"/>
      <c r="L34" s="2"/>
      <c r="M34" s="2"/>
      <c r="N34" s="2"/>
      <c r="U34" s="5"/>
      <c r="V34" s="5"/>
      <c r="W34" s="5"/>
      <c r="Z34" s="45"/>
      <c r="AA34" s="40"/>
      <c r="AB34" s="5"/>
      <c r="AC34" s="5"/>
      <c r="AE34" s="26"/>
    </row>
    <row r="35" spans="2:35" x14ac:dyDescent="0.4">
      <c r="B35" s="35"/>
      <c r="C35" s="36"/>
      <c r="J35" s="4"/>
      <c r="K35" s="4"/>
      <c r="L35" s="4"/>
      <c r="M35" s="4"/>
      <c r="N35" s="4"/>
      <c r="O35" s="4"/>
      <c r="P35" s="4"/>
      <c r="Q35" s="4"/>
      <c r="R35" s="4"/>
      <c r="S35" s="4"/>
      <c r="T35" s="4"/>
      <c r="U35" s="4"/>
      <c r="V35" s="4"/>
      <c r="Z35" s="39"/>
      <c r="AA35" s="40"/>
      <c r="AB35" s="5"/>
      <c r="AC35" s="5"/>
      <c r="AE35" s="26"/>
    </row>
    <row r="36" spans="2:35" x14ac:dyDescent="0.4">
      <c r="B36" s="35"/>
      <c r="C36" s="36" t="s">
        <v>44</v>
      </c>
      <c r="D36" s="1" t="s">
        <v>45</v>
      </c>
      <c r="Z36" s="37"/>
      <c r="AA36" s="38"/>
      <c r="AB36" s="5" t="s">
        <v>8</v>
      </c>
      <c r="AC36" s="5" t="s">
        <v>22</v>
      </c>
      <c r="AD36" s="5" t="s">
        <v>8</v>
      </c>
      <c r="AE36" s="26"/>
    </row>
    <row r="37" spans="2:35" x14ac:dyDescent="0.4">
      <c r="B37" s="35"/>
      <c r="D37" s="1" t="s">
        <v>46</v>
      </c>
      <c r="E37" s="2"/>
      <c r="F37" s="2"/>
      <c r="G37" s="2"/>
      <c r="H37" s="2"/>
      <c r="I37" s="2"/>
      <c r="J37" s="2"/>
      <c r="K37" s="2"/>
      <c r="L37" s="2"/>
      <c r="M37" s="2"/>
      <c r="N37" s="2"/>
      <c r="O37" s="52"/>
      <c r="P37" s="52"/>
      <c r="Q37" s="52"/>
      <c r="Z37" s="45"/>
      <c r="AA37" s="40"/>
      <c r="AB37" s="5"/>
      <c r="AC37" s="5"/>
      <c r="AE37" s="26"/>
    </row>
    <row r="38" spans="2:35" ht="14.25" customHeight="1" x14ac:dyDescent="0.4">
      <c r="B38" s="35"/>
      <c r="C38" s="36"/>
      <c r="Z38" s="37"/>
      <c r="AA38" s="38"/>
      <c r="AB38" s="5"/>
      <c r="AC38" s="5"/>
      <c r="AD38" s="5"/>
      <c r="AE38" s="26"/>
    </row>
    <row r="39" spans="2:35" ht="14.25" customHeight="1" x14ac:dyDescent="0.4">
      <c r="B39" s="35"/>
      <c r="C39" s="36" t="s">
        <v>47</v>
      </c>
      <c r="D39" s="1" t="s">
        <v>48</v>
      </c>
      <c r="Z39" s="37"/>
      <c r="AA39" s="38"/>
      <c r="AB39" s="5" t="s">
        <v>8</v>
      </c>
      <c r="AC39" s="5" t="s">
        <v>22</v>
      </c>
      <c r="AD39" s="5" t="s">
        <v>8</v>
      </c>
      <c r="AE39" s="26"/>
    </row>
    <row r="40" spans="2:35" ht="14.25" customHeight="1" x14ac:dyDescent="0.4">
      <c r="B40" s="35"/>
      <c r="C40" s="36"/>
      <c r="D40" s="1" t="s">
        <v>49</v>
      </c>
      <c r="Z40" s="37"/>
      <c r="AA40" s="38"/>
      <c r="AB40" s="5"/>
      <c r="AC40" s="5"/>
      <c r="AD40" s="5"/>
      <c r="AE40" s="26"/>
    </row>
    <row r="41" spans="2:35" x14ac:dyDescent="0.4">
      <c r="B41" s="35"/>
      <c r="D41" s="1" t="s">
        <v>50</v>
      </c>
      <c r="Z41" s="45"/>
      <c r="AA41" s="40"/>
      <c r="AB41" s="5"/>
      <c r="AC41" s="5"/>
      <c r="AE41" s="26"/>
    </row>
    <row r="42" spans="2:35" x14ac:dyDescent="0.4">
      <c r="B42" s="35"/>
      <c r="Z42" s="39"/>
      <c r="AA42" s="40"/>
      <c r="AB42" s="5"/>
      <c r="AC42" s="5"/>
      <c r="AE42" s="26"/>
    </row>
    <row r="43" spans="2:35" x14ac:dyDescent="0.4">
      <c r="B43" s="35" t="s">
        <v>51</v>
      </c>
      <c r="Z43" s="45"/>
      <c r="AA43" s="40"/>
      <c r="AB43" s="5"/>
      <c r="AC43" s="5"/>
      <c r="AE43" s="26"/>
    </row>
    <row r="44" spans="2:35" ht="17.25" customHeight="1" x14ac:dyDescent="0.4">
      <c r="B44" s="35"/>
      <c r="C44" s="36" t="s">
        <v>25</v>
      </c>
      <c r="D44" s="1" t="s">
        <v>52</v>
      </c>
      <c r="Z44" s="37"/>
      <c r="AA44" s="38"/>
      <c r="AB44" s="5" t="s">
        <v>8</v>
      </c>
      <c r="AC44" s="5" t="s">
        <v>22</v>
      </c>
      <c r="AD44" s="5" t="s">
        <v>8</v>
      </c>
      <c r="AE44" s="26"/>
    </row>
    <row r="45" spans="2:35" ht="18.75" customHeight="1" x14ac:dyDescent="0.4">
      <c r="B45" s="35"/>
      <c r="D45" s="1" t="s">
        <v>53</v>
      </c>
      <c r="Z45" s="45"/>
      <c r="AA45" s="40"/>
      <c r="AB45" s="5"/>
      <c r="AC45" s="5"/>
      <c r="AE45" s="26"/>
    </row>
    <row r="46" spans="2:35" ht="7.5" customHeight="1" x14ac:dyDescent="0.4">
      <c r="B46" s="35"/>
      <c r="W46" s="53"/>
      <c r="Z46" s="26"/>
      <c r="AA46" s="40"/>
      <c r="AB46" s="5"/>
      <c r="AC46" s="5"/>
      <c r="AE46" s="26"/>
      <c r="AI46" s="52"/>
    </row>
    <row r="47" spans="2:35" x14ac:dyDescent="0.4">
      <c r="B47" s="35"/>
      <c r="E47" s="2"/>
      <c r="F47" s="2"/>
      <c r="G47" s="2"/>
      <c r="H47" s="2"/>
      <c r="I47" s="2"/>
      <c r="J47" s="2"/>
      <c r="K47" s="2"/>
      <c r="L47" s="2"/>
      <c r="M47" s="2"/>
      <c r="N47" s="2"/>
      <c r="O47" s="52"/>
      <c r="P47" s="52"/>
      <c r="Q47" s="52"/>
      <c r="Z47" s="45"/>
      <c r="AA47" s="40"/>
      <c r="AB47" s="5"/>
      <c r="AC47" s="5"/>
      <c r="AE47" s="26"/>
    </row>
    <row r="48" spans="2:35" x14ac:dyDescent="0.4">
      <c r="B48" s="35"/>
      <c r="C48" s="36" t="s">
        <v>35</v>
      </c>
      <c r="D48" s="54" t="s">
        <v>54</v>
      </c>
      <c r="Z48" s="37"/>
      <c r="AA48" s="40"/>
      <c r="AB48" s="5" t="s">
        <v>8</v>
      </c>
      <c r="AC48" s="5" t="s">
        <v>22</v>
      </c>
      <c r="AD48" s="5" t="s">
        <v>8</v>
      </c>
      <c r="AE48" s="26"/>
    </row>
    <row r="49" spans="2:31" x14ac:dyDescent="0.4">
      <c r="B49" s="35"/>
      <c r="C49" s="36"/>
      <c r="D49" s="1" t="s">
        <v>55</v>
      </c>
      <c r="Z49" s="37"/>
      <c r="AA49" s="40"/>
      <c r="AB49" s="5"/>
      <c r="AC49" s="5"/>
      <c r="AD49" s="5"/>
      <c r="AE49" s="26"/>
    </row>
    <row r="50" spans="2:31" x14ac:dyDescent="0.4">
      <c r="B50" s="35"/>
      <c r="C50" s="36"/>
      <c r="D50" s="1" t="s">
        <v>56</v>
      </c>
      <c r="Z50" s="37"/>
      <c r="AA50" s="40"/>
      <c r="AB50" s="5"/>
      <c r="AC50" s="5"/>
      <c r="AD50" s="5"/>
      <c r="AE50" s="26"/>
    </row>
    <row r="51" spans="2:31" ht="6" customHeight="1" x14ac:dyDescent="0.4">
      <c r="B51" s="35"/>
      <c r="Z51" s="45"/>
      <c r="AA51" s="40"/>
      <c r="AB51" s="5"/>
      <c r="AC51" s="5"/>
      <c r="AE51" s="26"/>
    </row>
    <row r="52" spans="2:31" x14ac:dyDescent="0.4">
      <c r="B52" s="35"/>
      <c r="C52" s="36"/>
      <c r="D52" s="46" t="s">
        <v>57</v>
      </c>
      <c r="E52" s="22"/>
      <c r="F52" s="22"/>
      <c r="G52" s="22"/>
      <c r="H52" s="22"/>
      <c r="I52" s="22"/>
      <c r="J52" s="22"/>
      <c r="K52" s="22"/>
      <c r="L52" s="22"/>
      <c r="M52" s="22"/>
      <c r="N52" s="22"/>
      <c r="O52" s="20"/>
      <c r="P52" s="20"/>
      <c r="Q52" s="20"/>
      <c r="R52" s="20"/>
      <c r="S52" s="20"/>
      <c r="T52" s="20"/>
      <c r="U52" s="16"/>
      <c r="V52" s="17"/>
      <c r="W52" s="17"/>
      <c r="X52" s="18" t="s">
        <v>29</v>
      </c>
      <c r="Z52" s="45"/>
      <c r="AA52" s="40"/>
      <c r="AB52" s="5"/>
      <c r="AC52" s="5"/>
      <c r="AE52" s="26"/>
    </row>
    <row r="53" spans="2:31" x14ac:dyDescent="0.4">
      <c r="B53" s="35"/>
      <c r="C53" s="36"/>
      <c r="D53" s="48" t="s">
        <v>58</v>
      </c>
      <c r="E53" s="49"/>
      <c r="F53" s="49"/>
      <c r="G53" s="49"/>
      <c r="H53" s="49"/>
      <c r="I53" s="49"/>
      <c r="J53" s="49"/>
      <c r="K53" s="49"/>
      <c r="L53" s="49"/>
      <c r="M53" s="49"/>
      <c r="N53" s="49"/>
      <c r="O53" s="50"/>
      <c r="P53" s="50"/>
      <c r="Q53" s="50"/>
      <c r="R53" s="50"/>
      <c r="S53" s="50"/>
      <c r="T53" s="50"/>
      <c r="U53" s="27"/>
      <c r="V53" s="28"/>
      <c r="W53" s="28"/>
      <c r="X53" s="29"/>
      <c r="Z53" s="45"/>
      <c r="AA53" s="40"/>
      <c r="AB53" s="5"/>
      <c r="AC53" s="5"/>
      <c r="AE53" s="26"/>
    </row>
    <row r="54" spans="2:31" ht="4.5" customHeight="1" x14ac:dyDescent="0.4">
      <c r="B54" s="35"/>
      <c r="C54" s="36"/>
      <c r="D54" s="2"/>
      <c r="E54" s="2"/>
      <c r="F54" s="2"/>
      <c r="G54" s="2"/>
      <c r="H54" s="2"/>
      <c r="I54" s="2"/>
      <c r="J54" s="2"/>
      <c r="K54" s="2"/>
      <c r="L54" s="2"/>
      <c r="M54" s="2"/>
      <c r="N54" s="2"/>
      <c r="U54" s="5"/>
      <c r="V54" s="5"/>
      <c r="W54" s="5"/>
      <c r="Z54" s="45"/>
      <c r="AA54" s="40"/>
      <c r="AB54" s="5"/>
      <c r="AC54" s="5"/>
      <c r="AE54" s="26"/>
    </row>
    <row r="55" spans="2:31" x14ac:dyDescent="0.4">
      <c r="B55" s="35"/>
      <c r="D55" s="5"/>
      <c r="E55" s="52"/>
      <c r="F55" s="52"/>
      <c r="G55" s="52"/>
      <c r="H55" s="52"/>
      <c r="I55" s="52"/>
      <c r="J55" s="52"/>
      <c r="K55" s="52"/>
      <c r="L55" s="52"/>
      <c r="M55" s="52"/>
      <c r="N55" s="52"/>
      <c r="Q55" s="5"/>
      <c r="S55" s="53"/>
      <c r="T55" s="53"/>
      <c r="U55" s="53"/>
      <c r="V55" s="53"/>
      <c r="Z55" s="39"/>
      <c r="AA55" s="40"/>
      <c r="AB55" s="5"/>
      <c r="AC55" s="5"/>
      <c r="AE55" s="26"/>
    </row>
    <row r="56" spans="2:31" x14ac:dyDescent="0.4">
      <c r="B56" s="55"/>
      <c r="C56" s="56"/>
      <c r="D56" s="50"/>
      <c r="E56" s="50"/>
      <c r="F56" s="50"/>
      <c r="G56" s="50"/>
      <c r="H56" s="50"/>
      <c r="I56" s="50"/>
      <c r="J56" s="50"/>
      <c r="K56" s="50"/>
      <c r="L56" s="50"/>
      <c r="M56" s="50"/>
      <c r="N56" s="50"/>
      <c r="O56" s="50"/>
      <c r="P56" s="50"/>
      <c r="Q56" s="50"/>
      <c r="R56" s="50"/>
      <c r="S56" s="50"/>
      <c r="T56" s="50"/>
      <c r="U56" s="50"/>
      <c r="V56" s="50"/>
      <c r="W56" s="50"/>
      <c r="X56" s="50"/>
      <c r="Y56" s="50"/>
      <c r="Z56" s="51"/>
      <c r="AA56" s="57"/>
      <c r="AB56" s="58"/>
      <c r="AC56" s="58"/>
      <c r="AD56" s="50"/>
      <c r="AE56" s="51"/>
    </row>
    <row r="57" spans="2:31" x14ac:dyDescent="0.4">
      <c r="B57" s="1" t="s">
        <v>59</v>
      </c>
      <c r="D57" s="1" t="s">
        <v>60</v>
      </c>
    </row>
    <row r="58" spans="2:31" x14ac:dyDescent="0.4">
      <c r="D58" s="1" t="s">
        <v>61</v>
      </c>
    </row>
    <row r="59" spans="2:31" ht="3.75" customHeight="1" x14ac:dyDescent="0.4"/>
    <row r="60" spans="2:31" x14ac:dyDescent="0.4">
      <c r="C60" s="59"/>
    </row>
    <row r="61" spans="2:31" x14ac:dyDescent="0.4">
      <c r="C61" s="59"/>
    </row>
    <row r="62" spans="2:31" x14ac:dyDescent="0.4">
      <c r="C62" s="59"/>
    </row>
    <row r="63" spans="2:31" x14ac:dyDescent="0.4">
      <c r="C63" s="59"/>
    </row>
    <row r="64" spans="2:31" x14ac:dyDescent="0.4">
      <c r="C64" s="59"/>
    </row>
    <row r="66" spans="3:26" x14ac:dyDescent="0.4">
      <c r="C66" s="59"/>
      <c r="E66" s="59"/>
      <c r="F66" s="59"/>
      <c r="G66" s="59"/>
      <c r="H66" s="59"/>
      <c r="I66" s="59"/>
      <c r="J66" s="59"/>
      <c r="K66" s="59"/>
      <c r="L66" s="59"/>
      <c r="M66" s="59"/>
      <c r="N66" s="59"/>
      <c r="O66" s="59"/>
      <c r="P66" s="59"/>
      <c r="Q66" s="59"/>
      <c r="R66" s="59"/>
      <c r="S66" s="59"/>
      <c r="T66" s="59"/>
      <c r="U66" s="59"/>
      <c r="V66" s="59"/>
      <c r="W66" s="59"/>
      <c r="X66" s="59"/>
      <c r="Y66" s="59"/>
      <c r="Z66" s="59"/>
    </row>
    <row r="67" spans="3:26" x14ac:dyDescent="0.4">
      <c r="C67" s="59"/>
      <c r="E67" s="59"/>
      <c r="F67" s="59"/>
      <c r="G67" s="59"/>
      <c r="H67" s="59"/>
      <c r="I67" s="59"/>
      <c r="J67" s="59"/>
      <c r="K67" s="59"/>
      <c r="L67" s="59"/>
      <c r="M67" s="59"/>
      <c r="N67" s="59"/>
      <c r="O67" s="59"/>
      <c r="P67" s="59"/>
      <c r="Q67" s="59"/>
      <c r="R67" s="59"/>
      <c r="S67" s="59"/>
      <c r="T67" s="59"/>
      <c r="U67" s="59"/>
      <c r="V67" s="59"/>
      <c r="W67" s="59"/>
      <c r="X67" s="59"/>
      <c r="Y67" s="59"/>
      <c r="Z67" s="59"/>
    </row>
    <row r="68" spans="3:26" x14ac:dyDescent="0.4">
      <c r="C68" s="59"/>
      <c r="E68" s="59"/>
      <c r="F68" s="59"/>
      <c r="G68" s="59"/>
      <c r="H68" s="59"/>
      <c r="I68" s="59"/>
      <c r="J68" s="59"/>
      <c r="K68" s="59"/>
      <c r="L68" s="59"/>
      <c r="M68" s="59"/>
      <c r="N68" s="59"/>
      <c r="O68" s="59"/>
      <c r="P68" s="59"/>
      <c r="Q68" s="59"/>
      <c r="R68" s="59"/>
      <c r="S68" s="59"/>
      <c r="T68" s="59"/>
      <c r="U68" s="59"/>
      <c r="V68" s="59"/>
      <c r="W68" s="59"/>
      <c r="X68" s="59"/>
      <c r="Y68" s="59"/>
      <c r="Z68" s="59"/>
    </row>
    <row r="69" spans="3:26" x14ac:dyDescent="0.4">
      <c r="C69" s="59"/>
      <c r="D69" s="59"/>
      <c r="E69" s="59"/>
      <c r="F69" s="59"/>
      <c r="G69" s="59"/>
      <c r="H69" s="59"/>
      <c r="I69" s="59"/>
      <c r="J69" s="59"/>
      <c r="K69" s="59"/>
      <c r="L69" s="59"/>
      <c r="M69" s="59"/>
      <c r="N69" s="59"/>
      <c r="O69" s="59"/>
      <c r="P69" s="59"/>
      <c r="Q69" s="59"/>
      <c r="R69" s="59"/>
      <c r="S69" s="59"/>
      <c r="T69" s="59"/>
      <c r="U69" s="59"/>
      <c r="V69" s="59"/>
      <c r="W69" s="59"/>
      <c r="X69" s="59"/>
      <c r="Y69" s="59"/>
      <c r="Z69" s="59"/>
    </row>
  </sheetData>
  <mergeCells count="13">
    <mergeCell ref="U21:W21"/>
    <mergeCell ref="U30:W33"/>
    <mergeCell ref="X30:X33"/>
    <mergeCell ref="J35:S35"/>
    <mergeCell ref="T35:V35"/>
    <mergeCell ref="U52:W53"/>
    <mergeCell ref="X52:X53"/>
    <mergeCell ref="Y3:Z3"/>
    <mergeCell ref="B5:AE5"/>
    <mergeCell ref="F7:AE7"/>
    <mergeCell ref="B9:E11"/>
    <mergeCell ref="U19:W19"/>
    <mergeCell ref="U20:W20"/>
  </mergeCells>
  <phoneticPr fontId="3"/>
  <dataValidations count="1">
    <dataValidation type="list" allowBlank="1" showInputMessage="1" showErrorMessage="1" sqref="K8 Q8 AB16 AD16 AB25:AB28 AD25:AD28 AB44 AD44 F8:F12 R9:R12 AB36 AD36 AD48:AD50 AB48:AB50 AB38:AB40 AD38:AD40" xr:uid="{BC7CFF70-CDBB-43E9-A61B-5A75571F60DE}">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2C1148-D3DD-4BB7-8CB4-3705B7284A2B}">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別紙40</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4:07Z</dcterms:created>
  <dcterms:modified xsi:type="dcterms:W3CDTF">2024-03-22T05:34:44Z</dcterms:modified>
</cp:coreProperties>
</file>